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2</definedName>
  </definedNames>
  <calcPr calcId="152511"/>
</workbook>
</file>

<file path=xl/sharedStrings.xml><?xml version="1.0" encoding="utf-8"?>
<sst xmlns="http://schemas.openxmlformats.org/spreadsheetml/2006/main" count="1152" uniqueCount="869">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154</t>
    <phoneticPr fontId="1"/>
  </si>
  <si>
    <t>002</t>
    <phoneticPr fontId="1"/>
  </si>
  <si>
    <t>夢を叶えるための勉強法</t>
  </si>
  <si>
    <t>鈴木　光</t>
    <rPh sb="0" eb="2">
      <t>スズキ</t>
    </rPh>
    <rPh sb="3" eb="4">
      <t>ヒカリ</t>
    </rPh>
    <phoneticPr fontId="1"/>
  </si>
  <si>
    <t>ＫＡＤＯＫＡＷＡ</t>
  </si>
  <si>
    <t>東大文１を現役合格した鈴木光が、すべてに使える勉強の“基本”と効率的な学びの方法を教えてくれる。</t>
    <rPh sb="11" eb="13">
      <t>スズキ</t>
    </rPh>
    <rPh sb="13" eb="14">
      <t>ヒカリ</t>
    </rPh>
    <rPh sb="31" eb="34">
      <t>コウリツテキ</t>
    </rPh>
    <rPh sb="35" eb="36">
      <t>マナ</t>
    </rPh>
    <rPh sb="38" eb="40">
      <t>ホウホウ</t>
    </rPh>
    <rPh sb="41" eb="42">
      <t>オシ</t>
    </rPh>
    <phoneticPr fontId="11"/>
  </si>
  <si>
    <t>141</t>
    <phoneticPr fontId="1"/>
  </si>
  <si>
    <t>繊細すぎる性格をいかに長所として生かしていくかをアドバイスする。</t>
    <rPh sb="0" eb="2">
      <t>センサイ</t>
    </rPh>
    <rPh sb="5" eb="7">
      <t>セイカク</t>
    </rPh>
    <rPh sb="11" eb="13">
      <t>チョウショ</t>
    </rPh>
    <rPh sb="16" eb="17">
      <t>イ</t>
    </rPh>
    <phoneticPr fontId="1"/>
  </si>
  <si>
    <t>159</t>
    <phoneticPr fontId="1"/>
  </si>
  <si>
    <t>角田　陽一郎</t>
    <phoneticPr fontId="1"/>
  </si>
  <si>
    <t>天才と凡人はどこが違うのか？自分の長所を知って生かしていくためには何が必要なのか。</t>
    <rPh sb="0" eb="2">
      <t>テンサイ</t>
    </rPh>
    <rPh sb="3" eb="5">
      <t>ボンジン</t>
    </rPh>
    <rPh sb="9" eb="10">
      <t>チガ</t>
    </rPh>
    <rPh sb="14" eb="16">
      <t>ジブン</t>
    </rPh>
    <rPh sb="17" eb="19">
      <t>チョウショ</t>
    </rPh>
    <rPh sb="20" eb="21">
      <t>シ</t>
    </rPh>
    <rPh sb="23" eb="24">
      <t>イ</t>
    </rPh>
    <rPh sb="33" eb="34">
      <t>ナニ</t>
    </rPh>
    <rPh sb="35" eb="37">
      <t>ヒツヨウ</t>
    </rPh>
    <phoneticPr fontId="1"/>
  </si>
  <si>
    <t>309</t>
    <phoneticPr fontId="1"/>
  </si>
  <si>
    <t>佐藤　優</t>
    <phoneticPr fontId="1"/>
  </si>
  <si>
    <t>晶文社</t>
    <phoneticPr fontId="1"/>
  </si>
  <si>
    <t>過去の歴史を学ぶことで未来の生き方を変える、高校での勉強や大学受験の先を見据えた確かな教養を身につけるための一冊。</t>
    <rPh sb="0" eb="2">
      <t>カコ</t>
    </rPh>
    <rPh sb="3" eb="5">
      <t>レキシ</t>
    </rPh>
    <rPh sb="6" eb="7">
      <t>マナ</t>
    </rPh>
    <rPh sb="11" eb="13">
      <t>ミライ</t>
    </rPh>
    <rPh sb="14" eb="15">
      <t>イ</t>
    </rPh>
    <rPh sb="16" eb="17">
      <t>カタ</t>
    </rPh>
    <rPh sb="18" eb="19">
      <t>カ</t>
    </rPh>
    <rPh sb="31" eb="33">
      <t>ジュケン</t>
    </rPh>
    <rPh sb="34" eb="35">
      <t>サキ</t>
    </rPh>
    <rPh sb="36" eb="38">
      <t>ミス</t>
    </rPh>
    <rPh sb="40" eb="41">
      <t>タシ</t>
    </rPh>
    <rPh sb="54" eb="56">
      <t>イッサツ</t>
    </rPh>
    <phoneticPr fontId="1"/>
  </si>
  <si>
    <t>366</t>
    <phoneticPr fontId="1"/>
  </si>
  <si>
    <t>渡邉　正裕</t>
    <phoneticPr fontId="1"/>
  </si>
  <si>
    <t>東洋経済新報社</t>
    <phoneticPr fontId="1"/>
  </si>
  <si>
    <t>テクノロジーの進化で変わる職業の未来を分かりやすく解説する。</t>
    <rPh sb="7" eb="9">
      <t>シンカ</t>
    </rPh>
    <rPh sb="10" eb="11">
      <t>カ</t>
    </rPh>
    <rPh sb="13" eb="15">
      <t>ショクギョウ</t>
    </rPh>
    <rPh sb="16" eb="18">
      <t>ミライ</t>
    </rPh>
    <rPh sb="19" eb="20">
      <t>ワ</t>
    </rPh>
    <rPh sb="25" eb="27">
      <t>カイセツ</t>
    </rPh>
    <phoneticPr fontId="1"/>
  </si>
  <si>
    <t>369</t>
    <phoneticPr fontId="1"/>
  </si>
  <si>
    <t>青土社</t>
    <phoneticPr fontId="1"/>
  </si>
  <si>
    <t>障がい者が自らの生きにくさやもどかしさをさまざまな形で表現して社会に問いかける。</t>
    <rPh sb="0" eb="1">
      <t>ショウ</t>
    </rPh>
    <rPh sb="3" eb="4">
      <t>シャ</t>
    </rPh>
    <rPh sb="5" eb="6">
      <t>ミズカ</t>
    </rPh>
    <rPh sb="8" eb="9">
      <t>イ</t>
    </rPh>
    <rPh sb="25" eb="26">
      <t>カタチ</t>
    </rPh>
    <rPh sb="27" eb="29">
      <t>ヒョウゲン</t>
    </rPh>
    <rPh sb="31" eb="33">
      <t>シャカイ</t>
    </rPh>
    <rPh sb="34" eb="35">
      <t>ト</t>
    </rPh>
    <phoneticPr fontId="1"/>
  </si>
  <si>
    <t>障がい者である当事者が語るリアル。相手の立場に立って考えることを目指す。</t>
    <rPh sb="0" eb="1">
      <t>ショウ</t>
    </rPh>
    <rPh sb="3" eb="4">
      <t>シャ</t>
    </rPh>
    <rPh sb="7" eb="10">
      <t>トウジシャ</t>
    </rPh>
    <rPh sb="11" eb="12">
      <t>カタ</t>
    </rPh>
    <rPh sb="17" eb="19">
      <t>アイテ</t>
    </rPh>
    <rPh sb="20" eb="22">
      <t>タチバ</t>
    </rPh>
    <rPh sb="23" eb="24">
      <t>タ</t>
    </rPh>
    <rPh sb="26" eb="27">
      <t>カンガ</t>
    </rPh>
    <rPh sb="32" eb="34">
      <t>メザ</t>
    </rPh>
    <phoneticPr fontId="1"/>
  </si>
  <si>
    <t>377</t>
    <phoneticPr fontId="1"/>
  </si>
  <si>
    <t>新・大学でなにを学ぶか</t>
    <phoneticPr fontId="1"/>
  </si>
  <si>
    <t>上田　紀行</t>
    <rPh sb="0" eb="5">
      <t xml:space="preserve">  ウエダ          ノリユキ</t>
    </rPh>
    <phoneticPr fontId="1"/>
  </si>
  <si>
    <t>岩波書店</t>
  </si>
  <si>
    <t>「大学ってどんなところ？」「大学ではなにを学べるの？」など大学での学びについて参考になる。</t>
    <rPh sb="1" eb="3">
      <t>ダイガク</t>
    </rPh>
    <rPh sb="14" eb="16">
      <t>ダイガク</t>
    </rPh>
    <rPh sb="21" eb="22">
      <t>マナ</t>
    </rPh>
    <rPh sb="29" eb="31">
      <t>ダイガク</t>
    </rPh>
    <rPh sb="33" eb="34">
      <t>マナ</t>
    </rPh>
    <rPh sb="39" eb="41">
      <t>サンコウ</t>
    </rPh>
    <phoneticPr fontId="11"/>
  </si>
  <si>
    <t>493</t>
    <phoneticPr fontId="1"/>
  </si>
  <si>
    <t>みんなに話したくなる感染症のはなし １４歳からのウイルス・細菌・免疫入門</t>
    <phoneticPr fontId="1"/>
  </si>
  <si>
    <t>仲野　徹</t>
    <phoneticPr fontId="1"/>
  </si>
  <si>
    <t>出書房新社</t>
    <phoneticPr fontId="1"/>
  </si>
  <si>
    <t>519</t>
    <phoneticPr fontId="1"/>
  </si>
  <si>
    <t>磯辺　篤彦</t>
    <phoneticPr fontId="1"/>
  </si>
  <si>
    <t>化学同人</t>
    <phoneticPr fontId="1"/>
  </si>
  <si>
    <t>海洋プラスチックが環境に与える問題と私たちが出来ることを考える。</t>
    <rPh sb="0" eb="2">
      <t>カイヨウ</t>
    </rPh>
    <rPh sb="9" eb="11">
      <t>カンキョウ</t>
    </rPh>
    <rPh sb="12" eb="13">
      <t>アタ</t>
    </rPh>
    <rPh sb="15" eb="17">
      <t>モンダイ</t>
    </rPh>
    <rPh sb="18" eb="19">
      <t>ワタシ</t>
    </rPh>
    <rPh sb="22" eb="24">
      <t>デキ</t>
    </rPh>
    <rPh sb="28" eb="29">
      <t>カンガ</t>
    </rPh>
    <phoneticPr fontId="1"/>
  </si>
  <si>
    <t>785</t>
    <phoneticPr fontId="1"/>
  </si>
  <si>
    <t>瀬立 モニカ</t>
    <phoneticPr fontId="1"/>
  </si>
  <si>
    <t>主婦の友社</t>
    <phoneticPr fontId="1"/>
  </si>
  <si>
    <t>車イス生活からパラカヌーに挑戦した著者の強い心の持ち方とは。</t>
    <rPh sb="0" eb="1">
      <t>クルマ</t>
    </rPh>
    <rPh sb="3" eb="5">
      <t>セイカツ</t>
    </rPh>
    <rPh sb="13" eb="15">
      <t>チョウセン</t>
    </rPh>
    <rPh sb="17" eb="19">
      <t>チョシャ</t>
    </rPh>
    <rPh sb="20" eb="21">
      <t>ツヨ</t>
    </rPh>
    <rPh sb="22" eb="23">
      <t>ココロ</t>
    </rPh>
    <rPh sb="24" eb="25">
      <t>モ</t>
    </rPh>
    <rPh sb="26" eb="27">
      <t>カタ</t>
    </rPh>
    <phoneticPr fontId="1"/>
  </si>
  <si>
    <t>809</t>
    <phoneticPr fontId="1"/>
  </si>
  <si>
    <t>１０歳でもわかる伝え方の授業</t>
    <phoneticPr fontId="1"/>
  </si>
  <si>
    <t>苅野 進</t>
    <phoneticPr fontId="1"/>
  </si>
  <si>
    <t>ＷＡＶＥ出版</t>
  </si>
  <si>
    <t>社会に出てからも通用する、相手に理解してもらうための分かりやすい「伝えかた」を教える。</t>
    <rPh sb="0" eb="2">
      <t>シャカイ</t>
    </rPh>
    <rPh sb="3" eb="4">
      <t>デ</t>
    </rPh>
    <rPh sb="8" eb="10">
      <t>ツウヨウ</t>
    </rPh>
    <rPh sb="13" eb="15">
      <t>アイテ</t>
    </rPh>
    <rPh sb="16" eb="18">
      <t>リカイ</t>
    </rPh>
    <rPh sb="26" eb="27">
      <t>ワ</t>
    </rPh>
    <rPh sb="33" eb="34">
      <t>ツタ</t>
    </rPh>
    <rPh sb="39" eb="40">
      <t>オシ</t>
    </rPh>
    <phoneticPr fontId="1"/>
  </si>
  <si>
    <t>914</t>
    <phoneticPr fontId="1"/>
  </si>
  <si>
    <t>たちどまって考える</t>
    <phoneticPr fontId="1"/>
  </si>
  <si>
    <t>ヤマザキマリ</t>
    <phoneticPr fontId="1"/>
  </si>
  <si>
    <t>中央公論新社</t>
    <phoneticPr fontId="1"/>
  </si>
  <si>
    <t>激動の時代を生きる私たちが立ち止まって自分の頭で考えることの重要性を問う。</t>
    <rPh sb="0" eb="2">
      <t>ゲキドウ</t>
    </rPh>
    <rPh sb="3" eb="5">
      <t>ジダイ</t>
    </rPh>
    <rPh sb="6" eb="7">
      <t>イ</t>
    </rPh>
    <rPh sb="9" eb="10">
      <t>ワタシ</t>
    </rPh>
    <rPh sb="13" eb="14">
      <t>タ</t>
    </rPh>
    <rPh sb="15" eb="16">
      <t>ド</t>
    </rPh>
    <rPh sb="19" eb="21">
      <t>ジブン</t>
    </rPh>
    <rPh sb="22" eb="23">
      <t>アタマ</t>
    </rPh>
    <rPh sb="24" eb="25">
      <t>カンガ</t>
    </rPh>
    <rPh sb="30" eb="33">
      <t>ジュウヨウセイ</t>
    </rPh>
    <rPh sb="34" eb="35">
      <t>ト</t>
    </rPh>
    <phoneticPr fontId="1"/>
  </si>
  <si>
    <t>１６歳のデモクラシー　受験勉強で身につけるリベラルアーツ</t>
    <phoneticPr fontId="1"/>
  </si>
  <si>
    <t>パラアスリートの折れないココロのつくりかた　笑顔の力で、壁をこえる。</t>
    <phoneticPr fontId="1"/>
  </si>
  <si>
    <t>繊細すぎてしんどいあなたへ  ＨＳＰ相談室</t>
    <phoneticPr fontId="1"/>
  </si>
  <si>
    <t>串崎　真志</t>
    <phoneticPr fontId="1"/>
  </si>
  <si>
    <t>岩波書店</t>
    <phoneticPr fontId="1"/>
  </si>
  <si>
    <t>天才になる方法　本当に「頭がいい」とはどういうことだろう？</t>
    <phoneticPr fontId="1"/>
  </si>
  <si>
    <t>大和出版</t>
    <phoneticPr fontId="1"/>
  </si>
  <si>
    <t>障害者とともに働く</t>
    <phoneticPr fontId="1"/>
  </si>
  <si>
    <t>藤井　克徳</t>
    <phoneticPr fontId="1"/>
  </si>
  <si>
    <t>１０年後に食える仕事　食えない仕事 ＡＩ、ロボット化で変わる職のカタチ</t>
    <phoneticPr fontId="1"/>
  </si>
  <si>
    <t>海洋プラスチックごみ問題の真実　マイクロプラスチックの実態と未来予測</t>
    <phoneticPr fontId="1"/>
  </si>
  <si>
    <t>石田　祐貴</t>
    <phoneticPr fontId="1"/>
  </si>
  <si>
    <t>河出書房新社</t>
    <phoneticPr fontId="1"/>
  </si>
  <si>
    <t>わたしの身体はままならない “障害者のリアルに迫るゼミ”特別講義</t>
    <phoneticPr fontId="1"/>
  </si>
  <si>
    <t>車椅子の横に立つ人　障害から見つめる「生きにくさ」</t>
    <phoneticPr fontId="1"/>
  </si>
  <si>
    <t>荒井　裕樹</t>
    <phoneticPr fontId="1"/>
  </si>
  <si>
    <t>高等学校</t>
    <rPh sb="0" eb="2">
      <t>コウトウ</t>
    </rPh>
    <rPh sb="2" eb="4">
      <t>ガッコウ</t>
    </rPh>
    <phoneticPr fontId="1"/>
  </si>
  <si>
    <t>足柄</t>
    <rPh sb="0" eb="2">
      <t>アシガラ</t>
    </rPh>
    <phoneticPr fontId="1"/>
  </si>
  <si>
    <t>障がい者が活躍しているさまざまな企業を紹介するだけでなく、誰もが笑顔で働ける会社の在り方を考える。</t>
    <rPh sb="0" eb="1">
      <t>ショウ</t>
    </rPh>
    <rPh sb="3" eb="4">
      <t>シャ</t>
    </rPh>
    <rPh sb="5" eb="7">
      <t>カツヤク</t>
    </rPh>
    <rPh sb="16" eb="18">
      <t>キギョウ</t>
    </rPh>
    <rPh sb="19" eb="21">
      <t>ショウカイ</t>
    </rPh>
    <rPh sb="29" eb="30">
      <t>ダレ</t>
    </rPh>
    <rPh sb="32" eb="34">
      <t>エガオ</t>
    </rPh>
    <rPh sb="35" eb="36">
      <t>ハタラ</t>
    </rPh>
    <rPh sb="38" eb="40">
      <t>カイシャ</t>
    </rPh>
    <rPh sb="41" eb="42">
      <t>ア</t>
    </rPh>
    <rPh sb="43" eb="44">
      <t>カタ</t>
    </rPh>
    <rPh sb="45" eb="46">
      <t>カンガ</t>
    </rPh>
    <phoneticPr fontId="1"/>
  </si>
  <si>
    <t>病理学者が、中学高校で習う知識を使って感染症を分かりやすく解説する。</t>
    <rPh sb="0" eb="3">
      <t>ビョウリガク</t>
    </rPh>
    <rPh sb="3" eb="4">
      <t>シャ</t>
    </rPh>
    <rPh sb="6" eb="8">
      <t>チュウガク</t>
    </rPh>
    <rPh sb="8" eb="10">
      <t>コウコウ</t>
    </rPh>
    <rPh sb="11" eb="12">
      <t>ナラ</t>
    </rPh>
    <rPh sb="13" eb="15">
      <t>チシキ</t>
    </rPh>
    <rPh sb="16" eb="17">
      <t>ツカ</t>
    </rPh>
    <rPh sb="19" eb="22">
      <t>カンセンショウ</t>
    </rPh>
    <rPh sb="23" eb="24">
      <t>フン</t>
    </rPh>
    <rPh sb="29" eb="31">
      <t>カイセツ</t>
    </rPh>
    <phoneticPr fontId="11"/>
  </si>
  <si>
    <t>(１)心を豊かにする(２)柔軟な思考を育む(３)進路の参考になるという３つの観点から推薦図書を選定しました。多角的に物事を考える思考が身に付けられるようにまたインクルーシブ教育推進校として、共生社会においてお互いを尊重し思いやる心を持ち成長できるような書籍の選定を心がけています。</t>
    <rPh sb="69" eb="70">
      <t>ツ</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3">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1"/>
      <color theme="1"/>
      <name val="ＭＳ Ｐゴシック"/>
      <family val="3"/>
      <charset val="128"/>
      <scheme val="major"/>
    </font>
    <font>
      <sz val="10"/>
      <color theme="1"/>
      <name val="ＭＳ Ｐゴシック"/>
      <family val="3"/>
      <charset val="128"/>
      <scheme val="major"/>
    </font>
    <font>
      <sz val="10"/>
      <color theme="1"/>
      <name val="ＭＳ Ｐゴシック"/>
      <family val="3"/>
      <charset val="128"/>
      <scheme val="minor"/>
    </font>
    <font>
      <sz val="6"/>
      <name val="ＭＳ Ｐゴシック"/>
      <family val="3"/>
      <charset val="128"/>
      <scheme val="minor"/>
    </font>
    <font>
      <sz val="9"/>
      <color theme="1"/>
      <name val="ＭＳ Ｐゴシック"/>
      <family val="3"/>
      <charset val="128"/>
      <scheme val="minor"/>
    </font>
  </fonts>
  <fills count="7">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
      <patternFill patternType="solid">
        <fgColor theme="0"/>
        <bgColor indexed="64"/>
      </patternFill>
    </fill>
  </fills>
  <borders count="25">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
      <left/>
      <right style="hair">
        <color theme="0" tint="-0.499984740745262"/>
      </right>
      <top style="thin">
        <color theme="0" tint="-0.499984740745262"/>
      </top>
      <bottom style="thin">
        <color theme="0" tint="-0.499984740745262"/>
      </bottom>
      <diagonal/>
    </border>
    <border>
      <left style="hair">
        <color theme="0" tint="-0.499984740745262"/>
      </left>
      <right style="thin">
        <color indexed="64"/>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hair">
        <color theme="0" tint="-0.499984740745262"/>
      </left>
      <right/>
      <top style="double">
        <color theme="0" tint="-0.499984740745262"/>
      </top>
      <bottom/>
      <diagonal/>
    </border>
    <border>
      <left/>
      <right style="hair">
        <color theme="0" tint="-0.499984740745262"/>
      </right>
      <top style="double">
        <color theme="0" tint="-0.499984740745262"/>
      </top>
      <bottom/>
      <diagonal/>
    </border>
    <border>
      <left style="hair">
        <color theme="0" tint="-0.499984740745262"/>
      </left>
      <right/>
      <top style="double">
        <color theme="0" tint="-0.499984740745262"/>
      </top>
      <bottom style="thin">
        <color theme="0" tint="-0.499984740745262"/>
      </bottom>
      <diagonal/>
    </border>
    <border>
      <left/>
      <right style="hair">
        <color theme="0" tint="-0.499984740745262"/>
      </right>
      <top style="double">
        <color theme="0" tint="-0.499984740745262"/>
      </top>
      <bottom style="thin">
        <color theme="0" tint="-0.499984740745262"/>
      </bottom>
      <diagonal/>
    </border>
    <border>
      <left/>
      <right/>
      <top style="double">
        <color theme="0" tint="-0.499984740745262"/>
      </top>
      <bottom style="thin">
        <color theme="0" tint="-0.499984740745262"/>
      </bottom>
      <diagonal/>
    </border>
    <border>
      <left style="hair">
        <color theme="0" tint="-0.499984740745262"/>
      </left>
      <right style="thin">
        <color indexed="64"/>
      </right>
      <top style="double">
        <color theme="0" tint="-0.499984740745262"/>
      </top>
      <bottom style="thin">
        <color theme="0" tint="-0.499984740745262"/>
      </bottom>
      <diagonal/>
    </border>
    <border>
      <left style="thin">
        <color indexed="64"/>
      </left>
      <right style="thin">
        <color indexed="64"/>
      </right>
      <top style="double">
        <color theme="0" tint="-0.499984740745262"/>
      </top>
      <bottom style="thin">
        <color theme="0" tint="-0.499984740745262"/>
      </bottom>
      <diagonal/>
    </border>
    <border>
      <left/>
      <right style="thin">
        <color indexed="64"/>
      </right>
      <top style="thin">
        <color theme="0" tint="-0.499984740745262"/>
      </top>
      <bottom/>
      <diagonal/>
    </border>
    <border>
      <left style="thin">
        <color indexed="64"/>
      </left>
      <right style="thin">
        <color indexed="64"/>
      </right>
      <top style="thin">
        <color theme="0" tint="-0.499984740745262"/>
      </top>
      <bottom/>
      <diagonal/>
    </border>
  </borders>
  <cellStyleXfs count="1">
    <xf numFmtId="0" fontId="0" fillId="0" borderId="0"/>
  </cellStyleXfs>
  <cellXfs count="52">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6"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9" xfId="0" applyFont="1" applyFill="1" applyBorder="1" applyAlignment="1">
      <alignment horizontal="center" wrapText="1"/>
    </xf>
    <xf numFmtId="49" fontId="4" fillId="0" borderId="1" xfId="0" applyNumberFormat="1" applyFont="1" applyFill="1" applyBorder="1" applyAlignment="1">
      <alignment horizontal="center" vertical="center"/>
    </xf>
    <xf numFmtId="49" fontId="7"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7" fillId="3" borderId="2" xfId="0" applyNumberFormat="1" applyFont="1" applyFill="1" applyBorder="1" applyAlignment="1">
      <alignment horizontal="center" vertical="center"/>
    </xf>
    <xf numFmtId="49" fontId="8" fillId="3" borderId="2" xfId="0" applyNumberFormat="1" applyFont="1" applyFill="1" applyBorder="1" applyAlignment="1">
      <alignment horizontal="center" vertical="center"/>
    </xf>
    <xf numFmtId="176" fontId="9" fillId="6" borderId="3" xfId="0" applyNumberFormat="1" applyFont="1" applyFill="1" applyBorder="1" applyAlignment="1">
      <alignment vertical="center" wrapText="1"/>
    </xf>
    <xf numFmtId="176" fontId="9" fillId="6" borderId="14" xfId="0" applyNumberFormat="1" applyFont="1" applyFill="1" applyBorder="1" applyAlignment="1">
      <alignment vertical="center" wrapText="1"/>
    </xf>
    <xf numFmtId="0" fontId="9" fillId="0" borderId="3" xfId="0" applyFont="1" applyFill="1" applyBorder="1" applyAlignment="1">
      <alignment vertical="center" wrapText="1"/>
    </xf>
    <xf numFmtId="176" fontId="9" fillId="0" borderId="3" xfId="0" applyNumberFormat="1" applyFont="1" applyFill="1" applyBorder="1" applyAlignment="1">
      <alignment vertical="center" wrapText="1"/>
    </xf>
    <xf numFmtId="176" fontId="9" fillId="0" borderId="4" xfId="0" applyNumberFormat="1" applyFont="1" applyFill="1" applyBorder="1" applyAlignment="1">
      <alignment vertical="center" wrapText="1"/>
    </xf>
    <xf numFmtId="0" fontId="9" fillId="0" borderId="12" xfId="0" applyFont="1" applyFill="1" applyBorder="1" applyAlignment="1">
      <alignment vertical="center" wrapText="1"/>
    </xf>
    <xf numFmtId="0" fontId="9" fillId="0" borderId="13" xfId="0"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7" fillId="5" borderId="10" xfId="0" applyFont="1" applyFill="1" applyBorder="1" applyAlignment="1">
      <alignment horizontal="center" vertical="center"/>
    </xf>
    <xf numFmtId="0" fontId="8" fillId="0" borderId="5" xfId="0" applyFont="1" applyFill="1" applyBorder="1" applyAlignment="1">
      <alignment horizontal="left" vertical="top" wrapText="1"/>
    </xf>
    <xf numFmtId="0" fontId="8" fillId="0" borderId="6" xfId="0" applyFont="1" applyFill="1" applyBorder="1" applyAlignment="1">
      <alignment horizontal="left" vertical="top" wrapText="1"/>
    </xf>
    <xf numFmtId="0" fontId="8" fillId="0" borderId="7" xfId="0" applyFont="1" applyFill="1" applyBorder="1" applyAlignment="1">
      <alignment horizontal="left" vertical="top" wrapText="1"/>
    </xf>
    <xf numFmtId="0" fontId="7" fillId="5" borderId="10" xfId="0" applyFont="1" applyFill="1" applyBorder="1" applyAlignment="1">
      <alignment horizontal="left" vertical="center" wrapText="1"/>
    </xf>
    <xf numFmtId="0" fontId="7" fillId="5" borderId="10" xfId="0" applyFont="1" applyFill="1" applyBorder="1" applyAlignment="1">
      <alignment horizontal="left" vertical="center"/>
    </xf>
    <xf numFmtId="0" fontId="7" fillId="5" borderId="11" xfId="0" applyFont="1" applyFill="1" applyBorder="1" applyAlignment="1">
      <alignment horizontal="left" vertical="center"/>
    </xf>
    <xf numFmtId="0" fontId="10" fillId="6" borderId="12" xfId="0" applyFont="1" applyFill="1" applyBorder="1" applyAlignment="1">
      <alignment horizontal="left" vertical="center" wrapText="1"/>
    </xf>
    <xf numFmtId="0" fontId="10" fillId="6" borderId="6" xfId="0" applyFont="1" applyFill="1" applyBorder="1" applyAlignment="1">
      <alignment horizontal="left" vertical="center" wrapText="1"/>
    </xf>
    <xf numFmtId="0" fontId="10" fillId="6" borderId="15" xfId="0" applyFont="1" applyFill="1" applyBorder="1" applyAlignment="1">
      <alignment horizontal="left" vertical="center" wrapText="1"/>
    </xf>
    <xf numFmtId="0" fontId="9" fillId="0" borderId="16" xfId="0" applyFont="1" applyFill="1" applyBorder="1" applyAlignment="1">
      <alignment vertical="center" wrapText="1"/>
    </xf>
    <xf numFmtId="0" fontId="9" fillId="0" borderId="17" xfId="0" applyFont="1" applyFill="1" applyBorder="1" applyAlignment="1">
      <alignment vertical="center" wrapText="1"/>
    </xf>
    <xf numFmtId="0" fontId="9" fillId="0" borderId="18" xfId="0" applyFont="1" applyFill="1" applyBorder="1" applyAlignment="1">
      <alignment vertical="center" wrapText="1"/>
    </xf>
    <xf numFmtId="0" fontId="9" fillId="0" borderId="19" xfId="0" applyFont="1" applyFill="1" applyBorder="1" applyAlignment="1">
      <alignment vertical="center" wrapText="1"/>
    </xf>
    <xf numFmtId="0" fontId="9" fillId="0" borderId="20" xfId="0" applyFont="1" applyFill="1" applyBorder="1" applyAlignment="1">
      <alignment vertical="center" wrapText="1"/>
    </xf>
    <xf numFmtId="0" fontId="10" fillId="6" borderId="21" xfId="0" applyFont="1" applyFill="1" applyBorder="1" applyAlignment="1">
      <alignment horizontal="left" vertical="center" wrapText="1"/>
    </xf>
    <xf numFmtId="0" fontId="10" fillId="6" borderId="22" xfId="0" applyFont="1" applyFill="1" applyBorder="1" applyAlignment="1">
      <alignment horizontal="left" vertical="center" wrapText="1"/>
    </xf>
    <xf numFmtId="0" fontId="3" fillId="5" borderId="0" xfId="0" applyFont="1" applyFill="1" applyBorder="1" applyAlignment="1">
      <alignment horizontal="center"/>
    </xf>
    <xf numFmtId="0" fontId="12" fillId="6" borderId="23" xfId="0" applyFont="1" applyFill="1" applyBorder="1" applyAlignment="1">
      <alignment horizontal="left" vertical="center" wrapText="1"/>
    </xf>
    <xf numFmtId="0" fontId="12" fillId="6" borderId="24" xfId="0" applyFont="1" applyFill="1" applyBorder="1" applyAlignment="1">
      <alignment horizontal="left" vertical="center" wrapText="1"/>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2"/>
  <sheetViews>
    <sheetView tabSelected="1" view="pageBreakPreview" zoomScaleNormal="100" zoomScaleSheetLayoutView="100" workbookViewId="0">
      <selection activeCell="B6" sqref="B6:K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49" t="s">
        <v>797</v>
      </c>
      <c r="D1" s="49"/>
      <c r="E1" s="49"/>
      <c r="F1" s="49"/>
      <c r="G1" s="49"/>
      <c r="H1" s="49"/>
      <c r="I1" s="49"/>
      <c r="J1" s="49"/>
      <c r="K1" s="4"/>
      <c r="L1" s="4"/>
    </row>
    <row r="2" spans="1:12" ht="18" customHeight="1">
      <c r="A2" s="7"/>
      <c r="B2" s="8"/>
      <c r="C2" s="9"/>
      <c r="D2" s="9"/>
      <c r="E2" s="9"/>
      <c r="F2" s="9"/>
      <c r="G2" s="9"/>
      <c r="H2" s="7"/>
      <c r="I2" s="7"/>
      <c r="J2" s="7"/>
      <c r="K2" s="7"/>
      <c r="L2" s="7"/>
    </row>
    <row r="3" spans="1:12" ht="35.1" customHeight="1">
      <c r="A3" s="7"/>
      <c r="B3" s="14" t="s">
        <v>5</v>
      </c>
      <c r="C3" s="28" t="s">
        <v>865</v>
      </c>
      <c r="D3" s="28"/>
      <c r="E3" s="29" t="s">
        <v>864</v>
      </c>
      <c r="F3" s="29"/>
      <c r="G3" s="30" t="s">
        <v>796</v>
      </c>
      <c r="H3" s="31"/>
      <c r="I3" s="16"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3" t="s">
        <v>868</v>
      </c>
      <c r="C6" s="34"/>
      <c r="D6" s="34"/>
      <c r="E6" s="34"/>
      <c r="F6" s="34"/>
      <c r="G6" s="34"/>
      <c r="H6" s="34"/>
      <c r="I6" s="34"/>
      <c r="J6" s="34"/>
      <c r="K6" s="35"/>
      <c r="L6" s="7"/>
    </row>
    <row r="7" spans="1:12">
      <c r="A7" s="7"/>
      <c r="B7" s="11"/>
      <c r="C7" s="7"/>
      <c r="D7" s="7"/>
      <c r="E7" s="12"/>
      <c r="F7" s="7"/>
      <c r="G7" s="7"/>
      <c r="H7" s="7"/>
      <c r="I7" s="7"/>
      <c r="J7" s="7"/>
      <c r="K7" s="7"/>
      <c r="L7" s="7"/>
    </row>
    <row r="8" spans="1:12" ht="54.75" customHeight="1" thickBot="1">
      <c r="A8" s="7"/>
      <c r="B8" s="15" t="s">
        <v>3</v>
      </c>
      <c r="C8" s="32" t="s">
        <v>0</v>
      </c>
      <c r="D8" s="32"/>
      <c r="E8" s="32" t="s">
        <v>2</v>
      </c>
      <c r="F8" s="32"/>
      <c r="G8" s="32" t="s">
        <v>1</v>
      </c>
      <c r="H8" s="32"/>
      <c r="I8" s="36" t="s">
        <v>4</v>
      </c>
      <c r="J8" s="37"/>
      <c r="K8" s="38"/>
      <c r="L8" s="7"/>
    </row>
    <row r="9" spans="1:12" ht="44.25" customHeight="1" thickTop="1">
      <c r="A9" s="13">
        <v>1</v>
      </c>
      <c r="B9" s="17" t="s">
        <v>799</v>
      </c>
      <c r="C9" s="42" t="s">
        <v>800</v>
      </c>
      <c r="D9" s="43"/>
      <c r="E9" s="44" t="s">
        <v>801</v>
      </c>
      <c r="F9" s="45"/>
      <c r="G9" s="44" t="s">
        <v>802</v>
      </c>
      <c r="H9" s="46"/>
      <c r="I9" s="47" t="s">
        <v>803</v>
      </c>
      <c r="J9" s="48"/>
      <c r="K9" s="48"/>
      <c r="L9" s="7"/>
    </row>
    <row r="10" spans="1:12" ht="44.25" customHeight="1">
      <c r="A10" s="13">
        <v>2</v>
      </c>
      <c r="B10" s="18" t="s">
        <v>804</v>
      </c>
      <c r="C10" s="26" t="s">
        <v>850</v>
      </c>
      <c r="D10" s="27"/>
      <c r="E10" s="23" t="s">
        <v>851</v>
      </c>
      <c r="F10" s="23"/>
      <c r="G10" s="23" t="s">
        <v>852</v>
      </c>
      <c r="H10" s="26"/>
      <c r="I10" s="21" t="s">
        <v>805</v>
      </c>
      <c r="J10" s="21"/>
      <c r="K10" s="22"/>
      <c r="L10" s="7"/>
    </row>
    <row r="11" spans="1:12" ht="44.25" customHeight="1">
      <c r="A11" s="13">
        <v>3</v>
      </c>
      <c r="B11" s="18" t="s">
        <v>806</v>
      </c>
      <c r="C11" s="26" t="s">
        <v>853</v>
      </c>
      <c r="D11" s="27"/>
      <c r="E11" s="23" t="s">
        <v>807</v>
      </c>
      <c r="F11" s="23"/>
      <c r="G11" s="23" t="s">
        <v>854</v>
      </c>
      <c r="H11" s="26"/>
      <c r="I11" s="21" t="s">
        <v>808</v>
      </c>
      <c r="J11" s="21"/>
      <c r="K11" s="22"/>
      <c r="L11" s="7"/>
    </row>
    <row r="12" spans="1:12" ht="50.25" customHeight="1">
      <c r="A12" s="13">
        <v>4</v>
      </c>
      <c r="B12" s="18" t="s">
        <v>809</v>
      </c>
      <c r="C12" s="26" t="s">
        <v>848</v>
      </c>
      <c r="D12" s="27"/>
      <c r="E12" s="23" t="s">
        <v>810</v>
      </c>
      <c r="F12" s="23"/>
      <c r="G12" s="23" t="s">
        <v>811</v>
      </c>
      <c r="H12" s="26"/>
      <c r="I12" s="21" t="s">
        <v>812</v>
      </c>
      <c r="J12" s="21"/>
      <c r="K12" s="22"/>
      <c r="L12" s="7"/>
    </row>
    <row r="13" spans="1:12" ht="44.25" customHeight="1">
      <c r="A13" s="13">
        <v>5</v>
      </c>
      <c r="B13" s="18" t="s">
        <v>813</v>
      </c>
      <c r="C13" s="26" t="s">
        <v>855</v>
      </c>
      <c r="D13" s="27"/>
      <c r="E13" s="23" t="s">
        <v>856</v>
      </c>
      <c r="F13" s="23"/>
      <c r="G13" s="23" t="s">
        <v>852</v>
      </c>
      <c r="H13" s="26"/>
      <c r="I13" s="21" t="s">
        <v>866</v>
      </c>
      <c r="J13" s="21"/>
      <c r="K13" s="22"/>
      <c r="L13" s="7"/>
    </row>
    <row r="14" spans="1:12" ht="44.25" customHeight="1">
      <c r="A14" s="13">
        <v>6</v>
      </c>
      <c r="B14" s="18" t="s">
        <v>813</v>
      </c>
      <c r="C14" s="26" t="s">
        <v>857</v>
      </c>
      <c r="D14" s="27"/>
      <c r="E14" s="23" t="s">
        <v>814</v>
      </c>
      <c r="F14" s="23"/>
      <c r="G14" s="23" t="s">
        <v>815</v>
      </c>
      <c r="H14" s="26"/>
      <c r="I14" s="21" t="s">
        <v>816</v>
      </c>
      <c r="J14" s="21"/>
      <c r="K14" s="22"/>
      <c r="L14" s="7"/>
    </row>
    <row r="15" spans="1:12" ht="44.25" customHeight="1">
      <c r="A15" s="13">
        <v>7</v>
      </c>
      <c r="B15" s="18" t="s">
        <v>817</v>
      </c>
      <c r="C15" s="26" t="s">
        <v>862</v>
      </c>
      <c r="D15" s="27"/>
      <c r="E15" s="23" t="s">
        <v>863</v>
      </c>
      <c r="F15" s="23"/>
      <c r="G15" s="23" t="s">
        <v>818</v>
      </c>
      <c r="H15" s="26"/>
      <c r="I15" s="21" t="s">
        <v>819</v>
      </c>
      <c r="J15" s="21"/>
      <c r="K15" s="22"/>
      <c r="L15" s="7"/>
    </row>
    <row r="16" spans="1:12" ht="44.25" customHeight="1">
      <c r="A16" s="13">
        <v>8</v>
      </c>
      <c r="B16" s="18" t="s">
        <v>817</v>
      </c>
      <c r="C16" s="26" t="s">
        <v>861</v>
      </c>
      <c r="D16" s="27"/>
      <c r="E16" s="23" t="s">
        <v>859</v>
      </c>
      <c r="F16" s="23"/>
      <c r="G16" s="23" t="s">
        <v>860</v>
      </c>
      <c r="H16" s="26"/>
      <c r="I16" s="21" t="s">
        <v>820</v>
      </c>
      <c r="J16" s="21"/>
      <c r="K16" s="22"/>
      <c r="L16" s="7"/>
    </row>
    <row r="17" spans="1:12" ht="44.25" customHeight="1">
      <c r="A17" s="13">
        <v>9</v>
      </c>
      <c r="B17" s="18" t="s">
        <v>821</v>
      </c>
      <c r="C17" s="23" t="s">
        <v>822</v>
      </c>
      <c r="D17" s="23"/>
      <c r="E17" s="23" t="s">
        <v>823</v>
      </c>
      <c r="F17" s="23"/>
      <c r="G17" s="23" t="s">
        <v>824</v>
      </c>
      <c r="H17" s="23"/>
      <c r="I17" s="50" t="s">
        <v>825</v>
      </c>
      <c r="J17" s="51"/>
      <c r="K17" s="51"/>
      <c r="L17" s="7"/>
    </row>
    <row r="18" spans="1:12" ht="44.25" customHeight="1">
      <c r="A18" s="13">
        <v>10</v>
      </c>
      <c r="B18" s="19" t="s">
        <v>826</v>
      </c>
      <c r="C18" s="23" t="s">
        <v>827</v>
      </c>
      <c r="D18" s="23"/>
      <c r="E18" s="23" t="s">
        <v>828</v>
      </c>
      <c r="F18" s="23"/>
      <c r="G18" s="23" t="s">
        <v>829</v>
      </c>
      <c r="H18" s="26"/>
      <c r="I18" s="39" t="s">
        <v>867</v>
      </c>
      <c r="J18" s="40"/>
      <c r="K18" s="41"/>
      <c r="L18" s="7"/>
    </row>
    <row r="19" spans="1:12" ht="44.25" customHeight="1">
      <c r="A19" s="13">
        <v>11</v>
      </c>
      <c r="B19" s="18" t="s">
        <v>830</v>
      </c>
      <c r="C19" s="26" t="s">
        <v>858</v>
      </c>
      <c r="D19" s="27"/>
      <c r="E19" s="23" t="s">
        <v>831</v>
      </c>
      <c r="F19" s="23"/>
      <c r="G19" s="23" t="s">
        <v>832</v>
      </c>
      <c r="H19" s="26"/>
      <c r="I19" s="21" t="s">
        <v>833</v>
      </c>
      <c r="J19" s="21"/>
      <c r="K19" s="22"/>
      <c r="L19" s="7"/>
    </row>
    <row r="20" spans="1:12" ht="44.25" customHeight="1">
      <c r="A20" s="13">
        <v>12</v>
      </c>
      <c r="B20" s="18" t="s">
        <v>834</v>
      </c>
      <c r="C20" s="26" t="s">
        <v>849</v>
      </c>
      <c r="D20" s="27"/>
      <c r="E20" s="23" t="s">
        <v>835</v>
      </c>
      <c r="F20" s="23"/>
      <c r="G20" s="23" t="s">
        <v>836</v>
      </c>
      <c r="H20" s="26"/>
      <c r="I20" s="21" t="s">
        <v>837</v>
      </c>
      <c r="J20" s="21"/>
      <c r="K20" s="22"/>
      <c r="L20" s="7"/>
    </row>
    <row r="21" spans="1:12" ht="44.25" customHeight="1">
      <c r="A21" s="13">
        <v>13</v>
      </c>
      <c r="B21" s="20" t="s">
        <v>838</v>
      </c>
      <c r="C21" s="23" t="s">
        <v>839</v>
      </c>
      <c r="D21" s="23"/>
      <c r="E21" s="23" t="s">
        <v>840</v>
      </c>
      <c r="F21" s="23"/>
      <c r="G21" s="23" t="s">
        <v>841</v>
      </c>
      <c r="H21" s="23"/>
      <c r="I21" s="24" t="s">
        <v>842</v>
      </c>
      <c r="J21" s="24"/>
      <c r="K21" s="25"/>
      <c r="L21" s="7"/>
    </row>
    <row r="22" spans="1:12" ht="44.25" customHeight="1">
      <c r="A22" s="13">
        <v>14</v>
      </c>
      <c r="B22" s="20" t="s">
        <v>843</v>
      </c>
      <c r="C22" s="23" t="s">
        <v>844</v>
      </c>
      <c r="D22" s="23"/>
      <c r="E22" s="23" t="s">
        <v>845</v>
      </c>
      <c r="F22" s="23"/>
      <c r="G22" s="23" t="s">
        <v>846</v>
      </c>
      <c r="H22" s="23"/>
      <c r="I22" s="24" t="s">
        <v>847</v>
      </c>
      <c r="J22" s="24"/>
      <c r="K22" s="25"/>
      <c r="L22" s="7"/>
    </row>
  </sheetData>
  <mergeCells count="65">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C11:D11"/>
    <mergeCell ref="E11:F11"/>
    <mergeCell ref="G11:H11"/>
    <mergeCell ref="I11:K11"/>
    <mergeCell ref="I14:K14"/>
    <mergeCell ref="C12:D12"/>
    <mergeCell ref="E12:F12"/>
    <mergeCell ref="G12:H12"/>
    <mergeCell ref="I12:K12"/>
    <mergeCell ref="C13:D13"/>
    <mergeCell ref="E13:F13"/>
    <mergeCell ref="G13:H13"/>
    <mergeCell ref="I13:K13"/>
    <mergeCell ref="E9:F9"/>
    <mergeCell ref="G9:H9"/>
    <mergeCell ref="I9:K9"/>
    <mergeCell ref="C10:D10"/>
    <mergeCell ref="E10:F10"/>
    <mergeCell ref="G10:H10"/>
    <mergeCell ref="I10:K10"/>
    <mergeCell ref="C3:D3"/>
    <mergeCell ref="E3:F3"/>
    <mergeCell ref="G3:H3"/>
    <mergeCell ref="C19:D19"/>
    <mergeCell ref="E19:F19"/>
    <mergeCell ref="G19:H19"/>
    <mergeCell ref="C8:D8"/>
    <mergeCell ref="E8:F8"/>
    <mergeCell ref="G8:H8"/>
    <mergeCell ref="B6:K6"/>
    <mergeCell ref="I8:K8"/>
    <mergeCell ref="C18:D18"/>
    <mergeCell ref="E18:F18"/>
    <mergeCell ref="G18:H18"/>
    <mergeCell ref="I18:K18"/>
    <mergeCell ref="C9:D9"/>
    <mergeCell ref="I19:K19"/>
    <mergeCell ref="C22:D22"/>
    <mergeCell ref="E22:F22"/>
    <mergeCell ref="G22:H22"/>
    <mergeCell ref="I22:K22"/>
    <mergeCell ref="C20:D20"/>
    <mergeCell ref="I20:K20"/>
    <mergeCell ref="I21:K21"/>
    <mergeCell ref="E20:F20"/>
    <mergeCell ref="G20:H20"/>
    <mergeCell ref="C21:D21"/>
    <mergeCell ref="E21:F21"/>
    <mergeCell ref="G21:H21"/>
  </mergeCells>
  <phoneticPr fontId="1"/>
  <dataValidations count="1">
    <dataValidation imeMode="hiragana" allowBlank="1" showInputMessage="1" showErrorMessage="1" sqref="B6"/>
  </dataValidations>
  <pageMargins left="0.7" right="0.7" top="0.75" bottom="0.75" header="0.3" footer="0.3"/>
  <pageSetup paperSize="9" scale="85" orientation="portrait" horizontalDpi="4294967293"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3-03T04:50:01Z</cp:lastPrinted>
  <dcterms:created xsi:type="dcterms:W3CDTF">2004-01-30T10:40:15Z</dcterms:created>
  <dcterms:modified xsi:type="dcterms:W3CDTF">2021-08-18T01:45:44Z</dcterms:modified>
</cp:coreProperties>
</file>